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731"/>
  <workbookPr/>
  <mc:AlternateContent xmlns:mc="http://schemas.openxmlformats.org/markup-compatibility/2006">
    <mc:Choice Requires="x15">
      <x15ac:absPath xmlns:x15ac="http://schemas.microsoft.com/office/spreadsheetml/2010/11/ac" url="https://ifitservices-my.sharepoint.com/personal/mats-ola_jakobsson_if_se/Documents/Desktop/Newbody 2024/"/>
    </mc:Choice>
  </mc:AlternateContent>
  <xr:revisionPtr revIDLastSave="26" documentId="8_{E4C19654-8840-4EF0-A81B-8FBEFE4E5D17}" xr6:coauthVersionLast="47" xr6:coauthVersionMax="47" xr10:uidLastSave="{111BF84B-5542-4E1D-A64F-81329A06C065}"/>
  <bookViews>
    <workbookView xWindow="57480" yWindow="-120" windowWidth="29040" windowHeight="15840" xr2:uid="{7D4F979F-F334-47FE-83AE-7C2BCD3DA8B7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</xcalcf:calcFeatures>
    </ext>
  </extLst>
</workbook>
</file>

<file path=xl/sharedStrings.xml><?xml version="1.0" encoding="utf-8"?>
<sst xmlns="http://schemas.openxmlformats.org/spreadsheetml/2006/main" count="85" uniqueCount="54">
  <si>
    <t>Alexander Christensen</t>
  </si>
  <si>
    <t>18 st</t>
  </si>
  <si>
    <t>10 st</t>
  </si>
  <si>
    <t>Alfred Arnberg</t>
  </si>
  <si>
    <t>12 st</t>
  </si>
  <si>
    <t>5 st</t>
  </si>
  <si>
    <t>Anders Toll</t>
  </si>
  <si>
    <t>36 st</t>
  </si>
  <si>
    <t>25 st</t>
  </si>
  <si>
    <t>Arda Rasim</t>
  </si>
  <si>
    <t>0 st</t>
  </si>
  <si>
    <t>6 st</t>
  </si>
  <si>
    <t>Cesar Österlin</t>
  </si>
  <si>
    <t>15 st</t>
  </si>
  <si>
    <t>Edvin Brandström</t>
  </si>
  <si>
    <t>14 st</t>
  </si>
  <si>
    <t>Elina Ekberg</t>
  </si>
  <si>
    <t>11 st</t>
  </si>
  <si>
    <t>4 st</t>
  </si>
  <si>
    <t>Helena Gohde</t>
  </si>
  <si>
    <t>Helene Jovanovic</t>
  </si>
  <si>
    <t>Irja Berntson</t>
  </si>
  <si>
    <t>3 st</t>
  </si>
  <si>
    <t>Jacob Mejlvang</t>
  </si>
  <si>
    <t>Karin Wettre</t>
  </si>
  <si>
    <t>Kurt Berntson-Ström</t>
  </si>
  <si>
    <t>Leon Fast Rabe</t>
  </si>
  <si>
    <t>Leonid Kogay</t>
  </si>
  <si>
    <t>Liam Kyrk</t>
  </si>
  <si>
    <t>20 st</t>
  </si>
  <si>
    <t>9 st</t>
  </si>
  <si>
    <t>16 st</t>
  </si>
  <si>
    <t>Linnea Jonsson</t>
  </si>
  <si>
    <t>Linus Berglund</t>
  </si>
  <si>
    <t>Loa Rustum</t>
  </si>
  <si>
    <t>Ludvig Hallberg Karlsson</t>
  </si>
  <si>
    <t>Oliver Norrman</t>
  </si>
  <si>
    <t>19 st</t>
  </si>
  <si>
    <t>13 st</t>
  </si>
  <si>
    <t>Olle Samuelsson</t>
  </si>
  <si>
    <t>24 st</t>
  </si>
  <si>
    <t>Oscar Sandberg</t>
  </si>
  <si>
    <t>Richard Hugosson</t>
  </si>
  <si>
    <t>2 st</t>
  </si>
  <si>
    <t>Sixten Hellekant</t>
  </si>
  <si>
    <t>Ulrika Strömquist</t>
  </si>
  <si>
    <t>Vidar de Arteaga</t>
  </si>
  <si>
    <t>Säljare</t>
  </si>
  <si>
    <t>Antal sålda paket</t>
  </si>
  <si>
    <t>Varav direktköp</t>
  </si>
  <si>
    <t>37 st</t>
  </si>
  <si>
    <t>26 st</t>
  </si>
  <si>
    <t>12st</t>
  </si>
  <si>
    <t>Betala till Mats-Ola, swish 0768-80899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6" formatCode="#,##0\ &quot;kr&quot;;[Red]\-#,##0\ &quot;kr&quot;"/>
  </numFmts>
  <fonts count="14">
    <font>
      <sz val="10"/>
      <name val="If Sans"/>
      <family val="2"/>
      <scheme val="minor"/>
    </font>
    <font>
      <sz val="11"/>
      <color theme="1"/>
      <name val="If Sans"/>
      <family val="2"/>
      <scheme val="minor"/>
    </font>
    <font>
      <sz val="10"/>
      <name val="If Sans"/>
      <family val="2"/>
      <scheme val="minor"/>
    </font>
    <font>
      <sz val="18"/>
      <name val="If Sans Light"/>
      <scheme val="major"/>
    </font>
    <font>
      <sz val="14"/>
      <name val="If Sans Light"/>
      <scheme val="major"/>
    </font>
    <font>
      <sz val="12"/>
      <name val="If Sans Light"/>
      <scheme val="major"/>
    </font>
    <font>
      <sz val="11"/>
      <name val="If Sans Light"/>
      <scheme val="major"/>
    </font>
    <font>
      <sz val="34"/>
      <name val="If Sans Light"/>
      <family val="2"/>
      <scheme val="major"/>
    </font>
    <font>
      <b/>
      <sz val="10"/>
      <name val="If Sans"/>
      <family val="2"/>
      <scheme val="minor"/>
    </font>
    <font>
      <b/>
      <sz val="11"/>
      <color theme="6"/>
      <name val="If Sans"/>
      <family val="2"/>
      <scheme val="minor"/>
    </font>
    <font>
      <u/>
      <sz val="10"/>
      <color theme="10"/>
      <name val="If Sans"/>
      <family val="2"/>
      <scheme val="minor"/>
    </font>
    <font>
      <u/>
      <sz val="10"/>
      <name val="If Sans"/>
      <family val="2"/>
      <scheme val="minor"/>
    </font>
    <font>
      <sz val="12"/>
      <name val="Inherit"/>
    </font>
    <font>
      <b/>
      <sz val="16"/>
      <name val="Calibri"/>
      <family val="2"/>
    </font>
  </fonts>
  <fills count="8">
    <fill>
      <patternFill patternType="none"/>
    </fill>
    <fill>
      <patternFill patternType="gray125"/>
    </fill>
    <fill>
      <patternFill patternType="solid">
        <fgColor theme="6"/>
        <bgColor indexed="64"/>
      </patternFill>
    </fill>
    <fill>
      <patternFill patternType="solid">
        <fgColor theme="4"/>
        <bgColor indexed="64"/>
      </patternFill>
    </fill>
    <fill>
      <patternFill patternType="solid">
        <fgColor theme="5"/>
        <bgColor indexed="64"/>
      </patternFill>
    </fill>
    <fill>
      <patternFill patternType="solid">
        <fgColor theme="2"/>
        <bgColor indexed="64"/>
      </patternFill>
    </fill>
    <fill>
      <patternFill patternType="solid">
        <fgColor theme="5" tint="0.79998168889431442"/>
        <bgColor indexed="64"/>
      </patternFill>
    </fill>
    <fill>
      <patternFill patternType="solid">
        <fgColor rgb="FFFFFF00"/>
        <bgColor indexed="64"/>
      </patternFill>
    </fill>
  </fills>
  <borders count="4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auto="1"/>
      </top>
      <bottom style="thin">
        <color auto="1"/>
      </bottom>
      <diagonal/>
    </border>
  </borders>
  <cellStyleXfs count="13">
    <xf numFmtId="0" fontId="0" fillId="0" borderId="0"/>
    <xf numFmtId="0" fontId="7" fillId="0" borderId="0" applyNumberFormat="0" applyFill="0" applyBorder="0" applyAlignment="0" applyProtection="0"/>
    <xf numFmtId="0" fontId="3" fillId="0" borderId="0" applyNumberFormat="0" applyFill="0" applyAlignment="0" applyProtection="0"/>
    <xf numFmtId="0" fontId="4" fillId="0" borderId="0" applyNumberFormat="0" applyFill="0" applyAlignment="0" applyProtection="0"/>
    <xf numFmtId="0" fontId="5" fillId="0" borderId="0" applyNumberFormat="0" applyFill="0" applyAlignment="0" applyProtection="0"/>
    <xf numFmtId="0" fontId="6" fillId="0" borderId="0" applyNumberFormat="0" applyFill="0" applyBorder="0" applyAlignment="0" applyProtection="0"/>
    <xf numFmtId="0" fontId="2" fillId="3" borderId="0" applyNumberFormat="0" applyBorder="0" applyAlignment="0" applyProtection="0"/>
    <xf numFmtId="0" fontId="1" fillId="2" borderId="0" applyNumberFormat="0" applyBorder="0" applyAlignment="0" applyProtection="0"/>
    <xf numFmtId="0" fontId="2" fillId="4" borderId="0" applyNumberFormat="0" applyBorder="0" applyAlignment="0" applyProtection="0"/>
    <xf numFmtId="0" fontId="9" fillId="5" borderId="1" applyNumberFormat="0" applyAlignment="0" applyProtection="0"/>
    <xf numFmtId="0" fontId="1" fillId="6" borderId="2" applyNumberFormat="0" applyFont="0" applyAlignment="0" applyProtection="0"/>
    <xf numFmtId="0" fontId="8" fillId="0" borderId="3" applyNumberFormat="0" applyFill="0" applyAlignment="0" applyProtection="0"/>
    <xf numFmtId="0" fontId="10" fillId="0" borderId="0" applyNumberFormat="0" applyFill="0" applyBorder="0" applyAlignment="0" applyProtection="0"/>
  </cellStyleXfs>
  <cellXfs count="11">
    <xf numFmtId="0" fontId="0" fillId="0" borderId="0" xfId="0"/>
    <xf numFmtId="0" fontId="0" fillId="0" borderId="0" xfId="0" applyFont="1" applyFill="1"/>
    <xf numFmtId="0" fontId="11" fillId="0" borderId="0" xfId="12" applyFont="1" applyFill="1" applyAlignment="1">
      <alignment vertical="center" wrapText="1"/>
    </xf>
    <xf numFmtId="0" fontId="12" fillId="0" borderId="0" xfId="0" applyFont="1" applyFill="1" applyAlignment="1">
      <alignment vertical="center" wrapText="1"/>
    </xf>
    <xf numFmtId="0" fontId="13" fillId="0" borderId="0" xfId="0" applyFont="1" applyFill="1" applyAlignment="1">
      <alignment horizontal="left" vertical="center" wrapText="1"/>
    </xf>
    <xf numFmtId="0" fontId="13" fillId="0" borderId="0" xfId="0" applyFont="1" applyFill="1" applyAlignment="1">
      <alignment vertical="center" wrapText="1"/>
    </xf>
    <xf numFmtId="0" fontId="13" fillId="0" borderId="0" xfId="0" applyFont="1" applyFill="1"/>
    <xf numFmtId="0" fontId="12" fillId="0" borderId="0" xfId="0" applyFont="1" applyFill="1" applyAlignment="1">
      <alignment horizontal="center" vertical="center" wrapText="1"/>
    </xf>
    <xf numFmtId="0" fontId="13" fillId="7" borderId="0" xfId="0" applyFont="1" applyFill="1" applyAlignment="1">
      <alignment horizontal="center" vertical="center" wrapText="1"/>
    </xf>
    <xf numFmtId="6" fontId="12" fillId="7" borderId="0" xfId="0" applyNumberFormat="1" applyFont="1" applyFill="1" applyAlignment="1">
      <alignment horizontal="center" vertical="center" wrapText="1"/>
    </xf>
    <xf numFmtId="0" fontId="0" fillId="7" borderId="0" xfId="0" applyFont="1" applyFill="1" applyAlignment="1">
      <alignment horizontal="center"/>
    </xf>
  </cellXfs>
  <cellStyles count="13">
    <cellStyle name="Bad" xfId="7" builtinId="27" customBuiltin="1"/>
    <cellStyle name="Calculation" xfId="9" builtinId="22" customBuiltin="1"/>
    <cellStyle name="Good" xfId="6" builtinId="26" customBuiltin="1"/>
    <cellStyle name="Heading 1" xfId="2" builtinId="16" customBuiltin="1"/>
    <cellStyle name="Heading 2" xfId="3" builtinId="17" customBuiltin="1"/>
    <cellStyle name="Heading 3" xfId="4" builtinId="18" customBuiltin="1"/>
    <cellStyle name="Heading 4" xfId="5" builtinId="19" customBuiltin="1"/>
    <cellStyle name="Hyperlink" xfId="12" builtinId="8"/>
    <cellStyle name="Neutral" xfId="8" builtinId="28" customBuiltin="1"/>
    <cellStyle name="Normal" xfId="0" builtinId="0" customBuiltin="1"/>
    <cellStyle name="Note" xfId="10" builtinId="10" customBuiltin="1"/>
    <cellStyle name="Title" xfId="1" builtinId="15" customBuiltin="1"/>
    <cellStyle name="Total" xfId="11" builtinId="25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IF - Word">
      <a:dk1>
        <a:srgbClr val="000000"/>
      </a:dk1>
      <a:lt1>
        <a:srgbClr val="FFFFFF"/>
      </a:lt1>
      <a:dk2>
        <a:srgbClr val="0054F0"/>
      </a:dk2>
      <a:lt2>
        <a:srgbClr val="E8E0D9"/>
      </a:lt2>
      <a:accent1>
        <a:srgbClr val="87C7BA"/>
      </a:accent1>
      <a:accent2>
        <a:srgbClr val="FCC74F"/>
      </a:accent2>
      <a:accent3>
        <a:srgbClr val="FF8569"/>
      </a:accent3>
      <a:accent4>
        <a:srgbClr val="4CB0D3"/>
      </a:accent4>
      <a:accent5>
        <a:srgbClr val="6B9994"/>
      </a:accent5>
      <a:accent6>
        <a:srgbClr val="B08759"/>
      </a:accent6>
      <a:hlink>
        <a:srgbClr val="331E11"/>
      </a:hlink>
      <a:folHlink>
        <a:srgbClr val="6E625E"/>
      </a:folHlink>
    </a:clrScheme>
    <a:fontScheme name="If - Font Theme">
      <a:majorFont>
        <a:latin typeface="If Sans Light"/>
        <a:ea typeface=""/>
        <a:cs typeface=""/>
      </a:majorFont>
      <a:minorFont>
        <a:latin typeface="If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8" Type="http://schemas.openxmlformats.org/officeDocument/2006/relationships/hyperlink" Target="https://portal.newbodyfamily.com/quotes/member/FMGTOH" TargetMode="External"/><Relationship Id="rId13" Type="http://schemas.openxmlformats.org/officeDocument/2006/relationships/hyperlink" Target="https://portal.newbodyfamily.com/quotes/member/FKXFAB" TargetMode="External"/><Relationship Id="rId18" Type="http://schemas.openxmlformats.org/officeDocument/2006/relationships/hyperlink" Target="https://portal.newbodyfamily.com/quotes/member/FMGARL" TargetMode="External"/><Relationship Id="rId26" Type="http://schemas.openxmlformats.org/officeDocument/2006/relationships/hyperlink" Target="https://portal.newbodyfamily.com/quotes/member/FLSTKR" TargetMode="External"/><Relationship Id="rId3" Type="http://schemas.openxmlformats.org/officeDocument/2006/relationships/hyperlink" Target="https://portal.newbodyfamily.com/quotes/member/FKWENG" TargetMode="External"/><Relationship Id="rId21" Type="http://schemas.openxmlformats.org/officeDocument/2006/relationships/hyperlink" Target="https://portal.newbodyfamily.com/quotes/member/FMCFWQ" TargetMode="External"/><Relationship Id="rId7" Type="http://schemas.openxmlformats.org/officeDocument/2006/relationships/hyperlink" Target="https://portal.newbodyfamily.com/quotes/member/FLUUUI" TargetMode="External"/><Relationship Id="rId12" Type="http://schemas.openxmlformats.org/officeDocument/2006/relationships/hyperlink" Target="https://portal.newbodyfamily.com/quotes/member/FNKGXH" TargetMode="External"/><Relationship Id="rId17" Type="http://schemas.openxmlformats.org/officeDocument/2006/relationships/hyperlink" Target="https://portal.newbodyfamily.com/quotes/member/FLFKXI" TargetMode="External"/><Relationship Id="rId25" Type="http://schemas.openxmlformats.org/officeDocument/2006/relationships/hyperlink" Target="https://portal.newbodyfamily.com/quotes/member/FLMIIK" TargetMode="External"/><Relationship Id="rId2" Type="http://schemas.openxmlformats.org/officeDocument/2006/relationships/hyperlink" Target="https://portal.newbodyfamily.com/quotes/member/FKUMKI" TargetMode="External"/><Relationship Id="rId16" Type="http://schemas.openxmlformats.org/officeDocument/2006/relationships/hyperlink" Target="https://portal.newbodyfamily.com/quotes/member/FLHUFQ" TargetMode="External"/><Relationship Id="rId20" Type="http://schemas.openxmlformats.org/officeDocument/2006/relationships/hyperlink" Target="https://portal.newbodyfamily.com/quotes/member/FLLRCC" TargetMode="External"/><Relationship Id="rId1" Type="http://schemas.openxmlformats.org/officeDocument/2006/relationships/hyperlink" Target="https://portal.newbodyfamily.com/quotes/member/FLGJTO" TargetMode="External"/><Relationship Id="rId6" Type="http://schemas.openxmlformats.org/officeDocument/2006/relationships/hyperlink" Target="https://portal.newbodyfamily.com/quotes/member/FLPBRN" TargetMode="External"/><Relationship Id="rId11" Type="http://schemas.openxmlformats.org/officeDocument/2006/relationships/hyperlink" Target="https://portal.newbodyfamily.com/quotes/member/FLHKYB" TargetMode="External"/><Relationship Id="rId24" Type="http://schemas.openxmlformats.org/officeDocument/2006/relationships/hyperlink" Target="https://portal.newbodyfamily.com/quotes/member/FLFPZZ" TargetMode="External"/><Relationship Id="rId5" Type="http://schemas.openxmlformats.org/officeDocument/2006/relationships/hyperlink" Target="https://portal.newbodyfamily.com/quotes/member/FKWCJR" TargetMode="External"/><Relationship Id="rId15" Type="http://schemas.openxmlformats.org/officeDocument/2006/relationships/hyperlink" Target="https://portal.newbodyfamily.com/quotes/member/FLOBVS" TargetMode="External"/><Relationship Id="rId23" Type="http://schemas.openxmlformats.org/officeDocument/2006/relationships/hyperlink" Target="https://portal.newbodyfamily.com/quotes/member/FMCLMP" TargetMode="External"/><Relationship Id="rId28" Type="http://schemas.openxmlformats.org/officeDocument/2006/relationships/printerSettings" Target="../printerSettings/printerSettings1.bin"/><Relationship Id="rId10" Type="http://schemas.openxmlformats.org/officeDocument/2006/relationships/hyperlink" Target="https://portal.newbodyfamily.com/quotes/member/FKWCTC" TargetMode="External"/><Relationship Id="rId19" Type="http://schemas.openxmlformats.org/officeDocument/2006/relationships/hyperlink" Target="https://portal.newbodyfamily.com/quotes/member/FLMXFO" TargetMode="External"/><Relationship Id="rId4" Type="http://schemas.openxmlformats.org/officeDocument/2006/relationships/hyperlink" Target="https://portal.newbodyfamily.com/quotes/member/FNVDEK" TargetMode="External"/><Relationship Id="rId9" Type="http://schemas.openxmlformats.org/officeDocument/2006/relationships/hyperlink" Target="https://portal.newbodyfamily.com/quotes/member/FKWNQA" TargetMode="External"/><Relationship Id="rId14" Type="http://schemas.openxmlformats.org/officeDocument/2006/relationships/hyperlink" Target="https://portal.newbodyfamily.com/quotes/member/FKWELH" TargetMode="External"/><Relationship Id="rId22" Type="http://schemas.openxmlformats.org/officeDocument/2006/relationships/hyperlink" Target="https://portal.newbodyfamily.com/quotes/member/FKVOVK" TargetMode="External"/><Relationship Id="rId27" Type="http://schemas.openxmlformats.org/officeDocument/2006/relationships/hyperlink" Target="https://portal.newbodyfamily.com/quotes/member/FMKSAH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85595C5-E665-42F7-A10B-413CDC512A98}">
  <dimension ref="A1:F56"/>
  <sheetViews>
    <sheetView tabSelected="1" workbookViewId="0">
      <selection activeCell="E6" sqref="E6"/>
    </sheetView>
  </sheetViews>
  <sheetFormatPr defaultColWidth="26.28515625" defaultRowHeight="12.75"/>
  <cols>
    <col min="1" max="3" width="26.28515625" style="1"/>
    <col min="4" max="4" width="53.85546875" style="10" customWidth="1"/>
    <col min="5" max="16384" width="26.28515625" style="1"/>
  </cols>
  <sheetData>
    <row r="1" spans="1:6" s="6" customFormat="1" ht="33" customHeight="1">
      <c r="A1" s="4" t="s">
        <v>47</v>
      </c>
      <c r="B1" s="5" t="s">
        <v>48</v>
      </c>
      <c r="C1" s="5" t="s">
        <v>49</v>
      </c>
      <c r="D1" s="8" t="s">
        <v>53</v>
      </c>
      <c r="E1" s="5"/>
      <c r="F1" s="5"/>
    </row>
    <row r="2" spans="1:6" ht="25.5" customHeight="1">
      <c r="A2" s="2" t="s">
        <v>0</v>
      </c>
      <c r="B2" s="3" t="s">
        <v>1</v>
      </c>
      <c r="C2" s="3" t="s">
        <v>2</v>
      </c>
      <c r="D2" s="9">
        <v>1480</v>
      </c>
      <c r="E2" s="3"/>
      <c r="F2" s="3"/>
    </row>
    <row r="3" spans="1:6" ht="12.75" customHeight="1">
      <c r="A3" s="2"/>
      <c r="B3" s="3"/>
      <c r="C3" s="3"/>
      <c r="D3" s="9"/>
      <c r="E3" s="3"/>
      <c r="F3" s="3"/>
    </row>
    <row r="4" spans="1:6" ht="12.75" customHeight="1">
      <c r="A4" s="2" t="s">
        <v>3</v>
      </c>
      <c r="B4" s="3" t="s">
        <v>4</v>
      </c>
      <c r="C4" s="3" t="s">
        <v>5</v>
      </c>
      <c r="D4" s="9">
        <v>1340</v>
      </c>
      <c r="E4" s="3"/>
      <c r="F4" s="3"/>
    </row>
    <row r="5" spans="1:6" ht="12.75" customHeight="1">
      <c r="A5" s="2"/>
      <c r="B5" s="3"/>
      <c r="C5" s="3"/>
      <c r="D5" s="9"/>
      <c r="E5" s="3"/>
      <c r="F5" s="3"/>
    </row>
    <row r="6" spans="1:6" ht="12.75" customHeight="1">
      <c r="A6" s="2" t="s">
        <v>6</v>
      </c>
      <c r="B6" s="3" t="s">
        <v>7</v>
      </c>
      <c r="C6" s="3" t="s">
        <v>8</v>
      </c>
      <c r="D6" s="9">
        <v>1960</v>
      </c>
      <c r="E6" s="3"/>
      <c r="F6" s="3"/>
    </row>
    <row r="7" spans="1:6" ht="12.75" customHeight="1">
      <c r="A7" s="2"/>
      <c r="B7" s="3"/>
      <c r="C7" s="3"/>
      <c r="D7" s="9"/>
      <c r="E7" s="3"/>
      <c r="F7" s="3"/>
    </row>
    <row r="8" spans="1:6" ht="12.75" customHeight="1">
      <c r="A8" s="2" t="s">
        <v>9</v>
      </c>
      <c r="B8" s="3" t="s">
        <v>2</v>
      </c>
      <c r="C8" s="3" t="s">
        <v>10</v>
      </c>
      <c r="D8" s="9">
        <v>1810</v>
      </c>
      <c r="E8" s="3"/>
      <c r="F8" s="3"/>
    </row>
    <row r="9" spans="1:6" ht="12.75" customHeight="1">
      <c r="A9" s="2"/>
      <c r="B9" s="3"/>
      <c r="C9" s="3"/>
      <c r="D9" s="9"/>
      <c r="E9" s="3"/>
      <c r="F9" s="3"/>
    </row>
    <row r="10" spans="1:6" ht="12.75" customHeight="1">
      <c r="A10" s="2" t="s">
        <v>12</v>
      </c>
      <c r="B10" s="3" t="s">
        <v>13</v>
      </c>
      <c r="C10" s="3" t="s">
        <v>10</v>
      </c>
      <c r="D10" s="9">
        <v>2500</v>
      </c>
      <c r="E10" s="7"/>
      <c r="F10" s="3"/>
    </row>
    <row r="11" spans="1:6" ht="12.75" customHeight="1">
      <c r="A11" s="2"/>
      <c r="B11" s="3"/>
      <c r="C11" s="3"/>
      <c r="D11" s="9"/>
      <c r="E11" s="3"/>
      <c r="F11" s="3"/>
    </row>
    <row r="12" spans="1:6" ht="25.5" customHeight="1">
      <c r="A12" s="2" t="s">
        <v>14</v>
      </c>
      <c r="B12" s="3" t="s">
        <v>15</v>
      </c>
      <c r="C12" s="3" t="s">
        <v>10</v>
      </c>
      <c r="D12" s="9">
        <v>2580</v>
      </c>
      <c r="E12" s="3"/>
      <c r="F12" s="3"/>
    </row>
    <row r="13" spans="1:6" ht="12.75" customHeight="1">
      <c r="A13" s="2"/>
      <c r="B13" s="3"/>
      <c r="C13" s="3"/>
      <c r="D13" s="9"/>
      <c r="E13" s="3"/>
      <c r="F13" s="3"/>
    </row>
    <row r="14" spans="1:6" ht="12.75" customHeight="1">
      <c r="A14" s="2" t="s">
        <v>16</v>
      </c>
      <c r="B14" s="3" t="s">
        <v>17</v>
      </c>
      <c r="C14" s="3" t="s">
        <v>10</v>
      </c>
      <c r="D14" s="9">
        <v>2000</v>
      </c>
      <c r="E14" s="3"/>
      <c r="F14" s="3"/>
    </row>
    <row r="15" spans="1:6" ht="12.75" customHeight="1">
      <c r="A15" s="2"/>
      <c r="B15" s="3"/>
      <c r="C15" s="3"/>
      <c r="D15" s="9"/>
      <c r="E15" s="3"/>
      <c r="F15" s="3"/>
    </row>
    <row r="16" spans="1:6" ht="12.75" customHeight="1">
      <c r="A16" s="2" t="s">
        <v>19</v>
      </c>
      <c r="B16" s="3" t="s">
        <v>15</v>
      </c>
      <c r="C16" s="3" t="s">
        <v>4</v>
      </c>
      <c r="D16" s="9">
        <v>360</v>
      </c>
      <c r="E16" s="3"/>
      <c r="F16" s="3"/>
    </row>
    <row r="17" spans="1:6" ht="12.75" customHeight="1">
      <c r="A17" s="2"/>
      <c r="B17" s="3"/>
      <c r="C17" s="3"/>
      <c r="D17" s="9"/>
      <c r="E17" s="3"/>
      <c r="F17" s="3"/>
    </row>
    <row r="18" spans="1:6" ht="12.75" customHeight="1">
      <c r="A18" s="2" t="s">
        <v>20</v>
      </c>
      <c r="B18" s="3" t="s">
        <v>15</v>
      </c>
      <c r="C18" s="3" t="s">
        <v>2</v>
      </c>
      <c r="D18" s="9">
        <v>790</v>
      </c>
      <c r="E18" s="3"/>
      <c r="F18" s="3"/>
    </row>
    <row r="19" spans="1:6" ht="12.75" customHeight="1">
      <c r="A19" s="2"/>
      <c r="B19" s="3"/>
      <c r="C19" s="3"/>
      <c r="D19" s="9"/>
      <c r="E19" s="3"/>
      <c r="F19" s="3"/>
    </row>
    <row r="20" spans="1:6" ht="12.75" customHeight="1">
      <c r="A20" s="2" t="s">
        <v>21</v>
      </c>
      <c r="B20" s="3" t="s">
        <v>22</v>
      </c>
      <c r="C20" s="3" t="s">
        <v>10</v>
      </c>
      <c r="D20" s="9">
        <v>450</v>
      </c>
      <c r="E20" s="3"/>
      <c r="F20" s="3"/>
    </row>
    <row r="21" spans="1:6" ht="12.75" customHeight="1">
      <c r="A21" s="2"/>
      <c r="B21" s="3"/>
      <c r="C21" s="3"/>
      <c r="D21" s="9"/>
      <c r="E21" s="3"/>
      <c r="F21" s="3"/>
    </row>
    <row r="22" spans="1:6" ht="12.75" customHeight="1">
      <c r="A22" s="2" t="s">
        <v>23</v>
      </c>
      <c r="B22" s="3" t="s">
        <v>11</v>
      </c>
      <c r="C22" s="3" t="s">
        <v>10</v>
      </c>
      <c r="D22" s="9">
        <v>1150</v>
      </c>
      <c r="E22" s="3"/>
      <c r="F22" s="3"/>
    </row>
    <row r="23" spans="1:6" ht="12.75" customHeight="1">
      <c r="A23" s="2"/>
      <c r="B23" s="3"/>
      <c r="C23" s="3"/>
      <c r="D23" s="9"/>
      <c r="E23" s="3"/>
      <c r="F23" s="3"/>
    </row>
    <row r="24" spans="1:6" ht="12.75" customHeight="1">
      <c r="A24" s="2" t="s">
        <v>24</v>
      </c>
      <c r="B24" s="3" t="s">
        <v>18</v>
      </c>
      <c r="C24" s="3" t="s">
        <v>10</v>
      </c>
      <c r="D24" s="9">
        <v>740</v>
      </c>
      <c r="E24" s="3"/>
      <c r="F24" s="3"/>
    </row>
    <row r="25" spans="1:6" ht="12.75" customHeight="1">
      <c r="A25" s="2"/>
      <c r="B25" s="3"/>
      <c r="C25" s="3"/>
      <c r="D25" s="9"/>
      <c r="E25" s="3"/>
      <c r="F25" s="3"/>
    </row>
    <row r="26" spans="1:6" ht="25.5" customHeight="1">
      <c r="A26" s="2" t="s">
        <v>25</v>
      </c>
      <c r="B26" s="3" t="s">
        <v>13</v>
      </c>
      <c r="C26" s="3" t="s">
        <v>17</v>
      </c>
      <c r="D26" s="9">
        <v>830</v>
      </c>
      <c r="E26" s="3"/>
      <c r="F26" s="3"/>
    </row>
    <row r="27" spans="1:6" ht="12.75" customHeight="1">
      <c r="A27" s="2"/>
      <c r="B27" s="3"/>
      <c r="C27" s="3"/>
      <c r="D27" s="9"/>
      <c r="E27" s="3"/>
      <c r="F27" s="3"/>
    </row>
    <row r="28" spans="1:6" ht="12.75" customHeight="1">
      <c r="A28" s="2" t="s">
        <v>26</v>
      </c>
      <c r="B28" s="3" t="s">
        <v>4</v>
      </c>
      <c r="C28" s="3" t="s">
        <v>17</v>
      </c>
      <c r="D28" s="9">
        <v>200</v>
      </c>
      <c r="E28" s="3"/>
      <c r="F28" s="3"/>
    </row>
    <row r="29" spans="1:6" ht="12.75" customHeight="1">
      <c r="A29" s="2"/>
      <c r="B29" s="3"/>
      <c r="C29" s="3"/>
      <c r="D29" s="9"/>
      <c r="E29" s="3"/>
      <c r="F29" s="3"/>
    </row>
    <row r="30" spans="1:6" ht="12.75" customHeight="1">
      <c r="A30" s="2" t="s">
        <v>27</v>
      </c>
      <c r="B30" s="3" t="s">
        <v>18</v>
      </c>
      <c r="C30" s="3" t="s">
        <v>10</v>
      </c>
      <c r="D30" s="9">
        <v>760</v>
      </c>
      <c r="E30" s="3"/>
      <c r="F30" s="3"/>
    </row>
    <row r="31" spans="1:6" ht="12.75" customHeight="1">
      <c r="A31" s="2"/>
      <c r="B31" s="3"/>
      <c r="C31" s="3"/>
      <c r="D31" s="9"/>
      <c r="E31" s="3"/>
      <c r="F31" s="3"/>
    </row>
    <row r="32" spans="1:6" ht="12.75" customHeight="1">
      <c r="A32" s="2" t="s">
        <v>28</v>
      </c>
      <c r="B32" s="3" t="s">
        <v>29</v>
      </c>
      <c r="C32" s="3" t="s">
        <v>30</v>
      </c>
      <c r="D32" s="9">
        <v>2170</v>
      </c>
      <c r="E32" s="3"/>
      <c r="F32" s="3"/>
    </row>
    <row r="33" spans="1:6" ht="12.75" customHeight="1">
      <c r="A33" s="2"/>
      <c r="B33" s="3"/>
      <c r="C33" s="3"/>
      <c r="D33" s="9"/>
      <c r="E33" s="3"/>
      <c r="F33" s="3"/>
    </row>
    <row r="34" spans="1:6" ht="12.75" customHeight="1">
      <c r="A34" s="2" t="s">
        <v>32</v>
      </c>
      <c r="B34" s="3" t="s">
        <v>50</v>
      </c>
      <c r="C34" s="3" t="s">
        <v>51</v>
      </c>
      <c r="D34" s="9">
        <v>2100</v>
      </c>
      <c r="E34" s="3"/>
      <c r="F34" s="3"/>
    </row>
    <row r="35" spans="1:6" ht="12.75" customHeight="1">
      <c r="A35" s="2"/>
      <c r="B35" s="3"/>
      <c r="C35" s="3"/>
      <c r="D35" s="9"/>
      <c r="E35" s="3"/>
      <c r="F35" s="3"/>
    </row>
    <row r="36" spans="1:6" ht="12.75" customHeight="1">
      <c r="A36" s="2" t="s">
        <v>33</v>
      </c>
      <c r="B36" s="3" t="s">
        <v>30</v>
      </c>
      <c r="C36" s="3" t="s">
        <v>10</v>
      </c>
      <c r="D36" s="9">
        <v>1490</v>
      </c>
      <c r="E36" s="3"/>
      <c r="F36" s="3"/>
    </row>
    <row r="37" spans="1:6" ht="12.75" customHeight="1">
      <c r="A37" s="2"/>
      <c r="B37" s="3"/>
      <c r="C37" s="3"/>
      <c r="D37" s="9"/>
      <c r="E37" s="3"/>
      <c r="F37" s="3"/>
    </row>
    <row r="38" spans="1:6" ht="12.75" customHeight="1">
      <c r="A38" s="2" t="s">
        <v>34</v>
      </c>
      <c r="B38" s="3" t="s">
        <v>31</v>
      </c>
      <c r="C38" s="3" t="s">
        <v>13</v>
      </c>
      <c r="D38" s="9">
        <v>120</v>
      </c>
      <c r="E38" s="3"/>
      <c r="F38" s="3"/>
    </row>
    <row r="39" spans="1:6" ht="12.75" customHeight="1">
      <c r="A39" s="2"/>
      <c r="B39" s="3"/>
      <c r="C39" s="3"/>
      <c r="D39" s="9"/>
      <c r="E39" s="3"/>
      <c r="F39" s="3"/>
    </row>
    <row r="40" spans="1:6" ht="25.5" customHeight="1">
      <c r="A40" s="2" t="s">
        <v>35</v>
      </c>
      <c r="B40" s="3" t="s">
        <v>11</v>
      </c>
      <c r="C40" s="3" t="s">
        <v>18</v>
      </c>
      <c r="D40" s="9">
        <v>240</v>
      </c>
      <c r="E40" s="3"/>
      <c r="F40" s="3"/>
    </row>
    <row r="41" spans="1:6" ht="12.75" customHeight="1">
      <c r="A41" s="2"/>
      <c r="B41" s="3"/>
      <c r="C41" s="3"/>
      <c r="D41" s="9"/>
      <c r="E41" s="3"/>
      <c r="F41" s="3"/>
    </row>
    <row r="42" spans="1:6" ht="12.75" customHeight="1">
      <c r="A42" s="2" t="s">
        <v>36</v>
      </c>
      <c r="B42" s="3" t="s">
        <v>37</v>
      </c>
      <c r="C42" s="3" t="s">
        <v>38</v>
      </c>
      <c r="D42" s="9">
        <v>960</v>
      </c>
      <c r="E42" s="3"/>
      <c r="F42" s="3"/>
    </row>
    <row r="43" spans="1:6" ht="12.75" customHeight="1">
      <c r="A43" s="2"/>
      <c r="B43" s="3"/>
      <c r="C43" s="3"/>
      <c r="D43" s="9"/>
      <c r="E43" s="3"/>
      <c r="F43" s="3"/>
    </row>
    <row r="44" spans="1:6" ht="25.5" customHeight="1">
      <c r="A44" s="2" t="s">
        <v>39</v>
      </c>
      <c r="B44" s="3" t="s">
        <v>40</v>
      </c>
      <c r="C44" s="3" t="s">
        <v>31</v>
      </c>
      <c r="D44" s="9">
        <v>1360</v>
      </c>
      <c r="E44" s="3"/>
      <c r="F44" s="3"/>
    </row>
    <row r="45" spans="1:6" ht="12.75" customHeight="1">
      <c r="A45" s="2"/>
      <c r="B45" s="3"/>
      <c r="C45" s="3"/>
      <c r="D45" s="9"/>
      <c r="E45" s="3"/>
      <c r="F45" s="3"/>
    </row>
    <row r="46" spans="1:6" ht="12.75" customHeight="1">
      <c r="A46" s="2" t="s">
        <v>41</v>
      </c>
      <c r="B46" s="3" t="s">
        <v>2</v>
      </c>
      <c r="C46" s="3" t="s">
        <v>5</v>
      </c>
      <c r="D46" s="9">
        <v>800</v>
      </c>
      <c r="E46" s="3"/>
      <c r="F46" s="3"/>
    </row>
    <row r="47" spans="1:6" ht="12.75" customHeight="1">
      <c r="A47" s="2"/>
      <c r="B47" s="3"/>
      <c r="C47" s="3"/>
      <c r="D47" s="9"/>
      <c r="E47" s="3"/>
      <c r="F47" s="3"/>
    </row>
    <row r="48" spans="1:6" ht="12.75" customHeight="1">
      <c r="A48" s="2" t="s">
        <v>42</v>
      </c>
      <c r="B48" s="3" t="s">
        <v>2</v>
      </c>
      <c r="C48" s="3" t="s">
        <v>43</v>
      </c>
      <c r="D48" s="9">
        <v>1340</v>
      </c>
      <c r="E48" s="3"/>
      <c r="F48" s="3"/>
    </row>
    <row r="49" spans="1:6" ht="12.75" customHeight="1">
      <c r="A49" s="2"/>
      <c r="B49" s="3"/>
      <c r="C49" s="3"/>
      <c r="D49" s="9"/>
      <c r="E49" s="3"/>
      <c r="F49" s="3"/>
    </row>
    <row r="50" spans="1:6" ht="12.75" customHeight="1">
      <c r="A50" s="2" t="s">
        <v>44</v>
      </c>
      <c r="B50" s="3" t="s">
        <v>52</v>
      </c>
      <c r="C50" s="3" t="s">
        <v>10</v>
      </c>
      <c r="D50" s="9">
        <v>1870</v>
      </c>
      <c r="E50" s="3"/>
      <c r="F50" s="3"/>
    </row>
    <row r="51" spans="1:6" ht="12.75" customHeight="1">
      <c r="A51" s="2"/>
      <c r="B51" s="3"/>
      <c r="C51" s="3"/>
      <c r="D51" s="9"/>
      <c r="E51" s="3"/>
      <c r="F51" s="3"/>
    </row>
    <row r="52" spans="1:6" ht="25.5" customHeight="1">
      <c r="A52" s="2" t="s">
        <v>45</v>
      </c>
      <c r="B52" s="3" t="s">
        <v>38</v>
      </c>
      <c r="C52" s="3" t="s">
        <v>11</v>
      </c>
      <c r="D52" s="9">
        <v>1310</v>
      </c>
      <c r="E52" s="3"/>
      <c r="F52" s="3"/>
    </row>
    <row r="53" spans="1:6" ht="12.75" customHeight="1">
      <c r="A53" s="2"/>
      <c r="B53" s="3"/>
      <c r="C53" s="3"/>
      <c r="D53" s="9"/>
      <c r="E53" s="3"/>
      <c r="F53" s="3"/>
    </row>
    <row r="54" spans="1:6" ht="12.75" customHeight="1">
      <c r="A54" s="2" t="s">
        <v>46</v>
      </c>
      <c r="B54" s="3" t="s">
        <v>4</v>
      </c>
      <c r="C54" s="3" t="s">
        <v>17</v>
      </c>
      <c r="D54" s="9">
        <v>150</v>
      </c>
      <c r="E54" s="3"/>
      <c r="F54" s="3"/>
    </row>
    <row r="55" spans="1:6" ht="12.75" customHeight="1">
      <c r="A55" s="2"/>
      <c r="B55" s="3"/>
      <c r="C55" s="3"/>
      <c r="D55" s="9"/>
      <c r="E55" s="3"/>
      <c r="F55" s="3"/>
    </row>
    <row r="56" spans="1:6" ht="12.75" customHeight="1">
      <c r="A56" s="2"/>
      <c r="B56" s="3"/>
      <c r="C56" s="3"/>
      <c r="D56" s="9"/>
      <c r="E56" s="3"/>
      <c r="F56" s="3"/>
    </row>
  </sheetData>
  <hyperlinks>
    <hyperlink ref="A2" r:id="rId1" display="https://portal.newbodyfamily.com/quotes/member/FLGJTO" xr:uid="{3EEF9A24-7D72-44D0-889E-A136CA553417}"/>
    <hyperlink ref="A4" r:id="rId2" display="https://portal.newbodyfamily.com/quotes/member/FKUMKI" xr:uid="{181B95E3-2983-483B-8292-2E4758908B65}"/>
    <hyperlink ref="A6" r:id="rId3" display="https://portal.newbodyfamily.com/quotes/member/FKWENG" xr:uid="{7700F1CB-8446-40C5-8E57-38A52A655CFF}"/>
    <hyperlink ref="A8" r:id="rId4" display="https://portal.newbodyfamily.com/quotes/member/FNVDEK" xr:uid="{3CCA8BAE-4A0B-40B2-9B0B-9B201B081FEF}"/>
    <hyperlink ref="A10" r:id="rId5" display="https://portal.newbodyfamily.com/quotes/member/FKWCJR" xr:uid="{3060A517-9288-4F46-8CCE-956FAF4539AF}"/>
    <hyperlink ref="A12" r:id="rId6" display="https://portal.newbodyfamily.com/quotes/member/FLPBRN" xr:uid="{EE5536F2-5F62-4506-B291-11C62C4B5D81}"/>
    <hyperlink ref="A14" r:id="rId7" display="https://portal.newbodyfamily.com/quotes/member/FLUUUI" xr:uid="{09161530-FE78-448D-9FE4-4A8BA27B272E}"/>
    <hyperlink ref="A16" r:id="rId8" display="https://portal.newbodyfamily.com/quotes/member/FMGTOH" xr:uid="{65AE8416-4BAB-4654-9A1D-5928F311EB3F}"/>
    <hyperlink ref="A18" r:id="rId9" display="https://portal.newbodyfamily.com/quotes/member/FKWNQA" xr:uid="{2E9839F4-06DE-4A81-8CED-EC5C4AF39B3D}"/>
    <hyperlink ref="A20" r:id="rId10" display="https://portal.newbodyfamily.com/quotes/member/FKWCTC" xr:uid="{FDEEBA57-25BC-40A2-B5B5-AFFD6497E982}"/>
    <hyperlink ref="A22" r:id="rId11" display="https://portal.newbodyfamily.com/quotes/member/FLHKYB" xr:uid="{5B9A38EB-EDAC-4772-80EF-D1D2F9B717F9}"/>
    <hyperlink ref="A24" r:id="rId12" display="https://portal.newbodyfamily.com/quotes/member/FNKGXH" xr:uid="{326C78F7-F6A4-4E03-BF93-671034D0EE7E}"/>
    <hyperlink ref="A26" r:id="rId13" display="https://portal.newbodyfamily.com/quotes/member/FKXFAB" xr:uid="{79DC26DB-8731-47AF-BBFE-535CE28FC08B}"/>
    <hyperlink ref="A28" r:id="rId14" display="https://portal.newbodyfamily.com/quotes/member/FKWELH" xr:uid="{06C3413E-9407-44EF-9322-15AA724307EB}"/>
    <hyperlink ref="A30" r:id="rId15" display="https://portal.newbodyfamily.com/quotes/member/FLOBVS" xr:uid="{F5DEC8DD-B75E-4FD2-8C59-45B96CFA495D}"/>
    <hyperlink ref="A32" r:id="rId16" display="https://portal.newbodyfamily.com/quotes/member/FLHUFQ" xr:uid="{CE8E8167-CA70-4681-91DF-7D8259407015}"/>
    <hyperlink ref="A34" r:id="rId17" display="https://portal.newbodyfamily.com/quotes/member/FLFKXI" xr:uid="{5389564F-E305-4240-A490-3EA7BCCC4014}"/>
    <hyperlink ref="A36" r:id="rId18" display="https://portal.newbodyfamily.com/quotes/member/FMGARL" xr:uid="{2B15B3EA-9A30-4E8F-8C8A-FE2BEB261426}"/>
    <hyperlink ref="A38" r:id="rId19" display="https://portal.newbodyfamily.com/quotes/member/FLMXFO" xr:uid="{D6B149DA-5C51-4A8E-B904-05E795E9F666}"/>
    <hyperlink ref="A40" r:id="rId20" display="https://portal.newbodyfamily.com/quotes/member/FLLRCC" xr:uid="{5D85C323-1EA7-45B5-B26D-F690EABCEC25}"/>
    <hyperlink ref="A42" r:id="rId21" display="https://portal.newbodyfamily.com/quotes/member/FMCFWQ" xr:uid="{73FAE93A-B21A-4A61-8703-46772A9032A3}"/>
    <hyperlink ref="A44" r:id="rId22" display="https://portal.newbodyfamily.com/quotes/member/FKVOVK" xr:uid="{B99FC916-A6DF-4369-9751-FE6EC016B91D}"/>
    <hyperlink ref="A46" r:id="rId23" display="https://portal.newbodyfamily.com/quotes/member/FMCLMP" xr:uid="{88076DB1-2DDF-46DF-9326-463D7FA8387D}"/>
    <hyperlink ref="A48" r:id="rId24" display="https://portal.newbodyfamily.com/quotes/member/FLFPZZ" xr:uid="{FA2A2B59-D0AA-4978-B815-79163921E70D}"/>
    <hyperlink ref="A50" r:id="rId25" display="https://portal.newbodyfamily.com/quotes/member/FLMIIK" xr:uid="{8058DBB9-E217-4D71-B97E-7B4791D71100}"/>
    <hyperlink ref="A52" r:id="rId26" display="https://portal.newbodyfamily.com/quotes/member/FLSTKR" xr:uid="{E8479DD5-0BA8-4FC4-96A6-69F71BD49120}"/>
    <hyperlink ref="A54" r:id="rId27" display="https://portal.newbodyfamily.com/quotes/member/FMKSAH" xr:uid="{3F0190BF-2E72-4631-B973-3F4B72F80B60}"/>
  </hyperlinks>
  <pageMargins left="0.7" right="0.7" top="0.75" bottom="0.75" header="0.3" footer="0.3"/>
  <pageSetup paperSize="9" orientation="portrait" r:id="rId28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colorTheme":"{{UserProfile.Address.ColorThemeRef.ColorTheme}}","disableUpdates":false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DB6137C8-C92D-4645-84A6-B5A266E2581D}">
  <ds:schemaRefs/>
</ds:datastoreItem>
</file>

<file path=customXml/itemProps2.xml><?xml version="1.0" encoding="utf-8"?>
<ds:datastoreItem xmlns:ds="http://schemas.openxmlformats.org/officeDocument/2006/customXml" ds:itemID="{8ABAAFA2-C3DC-4B55-A8B5-DB28861C4E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akobsson, Mats-Ola</dc:creator>
  <cp:lastModifiedBy>Jakobsson, Mats-Ola</cp:lastModifiedBy>
  <dcterms:created xsi:type="dcterms:W3CDTF">2024-10-07T07:57:16Z</dcterms:created>
  <dcterms:modified xsi:type="dcterms:W3CDTF">2024-10-08T19:28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iftemplates</vt:lpwstr>
  </property>
  <property fmtid="{D5CDD505-2E9C-101B-9397-08002B2CF9AE}" pid="3" name="TemplafyTemplateId">
    <vt:lpwstr>991062930778750980</vt:lpwstr>
  </property>
  <property fmtid="{D5CDD505-2E9C-101B-9397-08002B2CF9AE}" pid="4" name="TemplafyUserProfileId">
    <vt:lpwstr>946612870921060653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</Properties>
</file>